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9-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9-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ewold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5D8C1862-80AB-89B9-B479-5428F9698FE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8052" y="4560411"/>
            <a:ext cx="2760415"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23965"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04FA8E0E-4ACA-98C3-3E28-06DDCE7BB9D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4807" y="3827747"/>
            <a:ext cx="1967143" cy="149896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19T14:06:57Z</dcterms:modified>
</cp:coreProperties>
</file>